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35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7-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7-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iss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CA26D6B7-FB32-6CD7-936E-6DD7C0A60E3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9214" y="4827460"/>
            <a:ext cx="1621745" cy="181635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D0984EB-09EC-6C1D-A7F6-C30E7C5D53A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66140" y="3872498"/>
            <a:ext cx="1234276" cy="138238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0-07T07:12:10Z</dcterms:modified>
</cp:coreProperties>
</file>